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5" rupBuild="26216"/>
  <workbookPr defaultThemeVersion="124226"/>
  <mc:AlternateContent xmlns:mc="http://schemas.openxmlformats.org/markup-compatibility/2006">
    <mc:Choice Requires="x15">
      <x15ac:absPath xmlns:x15ac="http://schemas.microsoft.com/office/spreadsheetml/2010/11/ac" url="https://syddanskuni.sharepoint.com/sites/Styringsskabeloner/Delte dokumenter/General/Skabeloner_til_videreudvikling/Skabeloner til projektrisici/"/>
    </mc:Choice>
  </mc:AlternateContent>
  <xr:revisionPtr revIDLastSave="0" documentId="8_{1306556C-8289-4070-B9A3-BEB0ABD95475}" xr6:coauthVersionLast="47" xr6:coauthVersionMax="47" xr10:uidLastSave="{00000000-0000-0000-0000-000000000000}"/>
  <bookViews>
    <workbookView xWindow="-110" yWindow="-110" windowWidth="19420" windowHeight="10420" firstSheet="1" activeTab="1" xr2:uid="{00000000-000D-0000-FFFF-FFFF00000000}"/>
  </bookViews>
  <sheets>
    <sheet name="Risikolog" sheetId="1" r:id="rId1"/>
    <sheet name="Vejledning" sheetId="2" r:id="rId2"/>
    <sheet name="Risikoprofil" sheetId="3" r:id="rId3"/>
  </sheets>
  <calcPr calcId="191028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F6" i="1" l="1"/>
  <c r="F9" i="1"/>
  <c r="F8" i="1"/>
  <c r="F16" i="1"/>
  <c r="F19" i="1"/>
  <c r="F18" i="1"/>
  <c r="F26" i="1"/>
  <c r="F29" i="1"/>
  <c r="F28" i="1"/>
  <c r="F49" i="1"/>
  <c r="F48" i="1"/>
  <c r="F46" i="1"/>
  <c r="F39" i="1"/>
  <c r="F38" i="1"/>
  <c r="F36" i="1"/>
</calcChain>
</file>

<file path=xl/sharedStrings.xml><?xml version="1.0" encoding="utf-8"?>
<sst xmlns="http://schemas.openxmlformats.org/spreadsheetml/2006/main" count="173" uniqueCount="87">
  <si>
    <t>Risikolog [Projektnavn]</t>
  </si>
  <si>
    <t>Senest opdateret</t>
  </si>
  <si>
    <t>Dato og navn</t>
  </si>
  <si>
    <t>Nr.</t>
  </si>
  <si>
    <t>Risikotitel</t>
  </si>
  <si>
    <t>Risikoejer</t>
  </si>
  <si>
    <t>Unik reference</t>
  </si>
  <si>
    <t>Kort navn, der tydeligt beskriver den mulige hændelse</t>
  </si>
  <si>
    <t>Rolle og navn</t>
  </si>
  <si>
    <t>Oprettet dato</t>
  </si>
  <si>
    <t>Beskrivelse af risiko</t>
  </si>
  <si>
    <t>Afhjælpende handlinger</t>
  </si>
  <si>
    <t>Sandsynlighed</t>
  </si>
  <si>
    <t>Konsekvens</t>
  </si>
  <si>
    <t>Score</t>
  </si>
  <si>
    <t>Uddyb den mulige hændelse, forklar den bagvedliggende årsag, og hvornår i projektperioden, risikoen er relevant.</t>
  </si>
  <si>
    <t>Forklar hvilke afhjælpende eller mitigerende handlinger, du vil få udført for at mindske risikoen.</t>
  </si>
  <si>
    <t>Status dato</t>
  </si>
  <si>
    <t>Afsluttet dato</t>
  </si>
  <si>
    <t>Kort navn</t>
  </si>
  <si>
    <t>Dette dokument er en del af SDU’s projektmodel og anvendes til alle typer af projekter.</t>
  </si>
  <si>
    <t>Risikologgen bruges til løbende opfølgning på risici gennem projektets løbetid. Risici fra risikoanalyser mm. overføres til Risikologgen løbende.</t>
  </si>
  <si>
    <t>Scoringstallet viser risikoens alvorlighed, og er udtryk for, hvor sandsynligt det er, at en risikohændelse indtræffer ganget med konsekvensen, hvis det sker.</t>
  </si>
  <si>
    <t>Vægtning af sandsynlighed</t>
  </si>
  <si>
    <t>Usandsynligt</t>
  </si>
  <si>
    <t>Det anses for næsten udelukket, at en hændelse kan forekomme.</t>
  </si>
  <si>
    <t>Mindre sandsynligt</t>
  </si>
  <si>
    <t>Det forventes ikke, at der vil komme en hændelse.</t>
  </si>
  <si>
    <t>Sandsynligt</t>
  </si>
  <si>
    <t xml:space="preserve">En hændelse vil kunne forekomme. </t>
  </si>
  <si>
    <t>Meget sandsynligt</t>
  </si>
  <si>
    <t>Det anses for ret sandsynligt, at en hændelse kan forekomme.</t>
  </si>
  <si>
    <t>Forventet</t>
  </si>
  <si>
    <t>Det forventes, at der vil komme en hændelse.</t>
  </si>
  <si>
    <t>Vægtning af konsekvens</t>
  </si>
  <si>
    <t>Uvæsentlig</t>
  </si>
  <si>
    <t>Der vil ikke være nogen særlig påvirkning eller gene, hvis en hændelse forekommer.</t>
  </si>
  <si>
    <t>Begrænset</t>
  </si>
  <si>
    <t>Mindre meromkostninger.</t>
  </si>
  <si>
    <t>Mindre ekstra ressourcetræk.</t>
  </si>
  <si>
    <t>Justering af planlagte aktiviteter og leverancer.</t>
  </si>
  <si>
    <t>Forringet samarbejde med interessenter om enkeltsager.</t>
  </si>
  <si>
    <t>Manglende overholdelse af ikke-kritiske regler og procedurer.</t>
  </si>
  <si>
    <t>Mindre gener og ubehag for evt. registrerede personer, hvis hændelsen omhandler persondata.</t>
  </si>
  <si>
    <t>Væsentligt</t>
  </si>
  <si>
    <t>Væsentlige meromkostninger eller tab.</t>
  </si>
  <si>
    <t>Væsentligt ekstra ressourcetræk og brug for ekstra ressourcer.</t>
  </si>
  <si>
    <t>Medfører revurdering af vigtige aktiviteter og leverancer.</t>
  </si>
  <si>
    <t>Generelt forringet samarbejde med interessenter.</t>
  </si>
  <si>
    <t>Manglende overholdelse af kritiske regler og procedurer.</t>
  </si>
  <si>
    <t xml:space="preserve">Gener og ubehag for evt. registrerede personer, hvis hændelsen omhandler persondata. </t>
  </si>
  <si>
    <t>Alvorligt</t>
  </si>
  <si>
    <t>Store meromkostninger eller tab, der er svære at acceptere.</t>
  </si>
  <si>
    <t>Det er ikke muligt at skaffe de nødvendige ressourcer.</t>
  </si>
  <si>
    <t>Det er ikke muligt at gennemføre vigtige aktiviteter og leverancer kan ikke leveres.</t>
  </si>
  <si>
    <t>Væsentlige vanskeligheder i det generelle samarbejde med interessenter.</t>
  </si>
  <si>
    <t>Forventede brud på kritisk lovgivning.</t>
  </si>
  <si>
    <t>SDU’s omdømme i offentligheden kan blive påvirket.</t>
  </si>
  <si>
    <t xml:space="preserve">Alvorlige, men overkommelige gener og ubehag for evt. registrerede personer, hvis hændelsen omhandler persondata. </t>
  </si>
  <si>
    <t>Uoverkommeligt</t>
  </si>
  <si>
    <t>Store meromkostninger eller tab.</t>
  </si>
  <si>
    <t>Væsentligt nedbrud i det generelle samarbejde med interessenter.</t>
  </si>
  <si>
    <t>Brud på kritisk lovgivning.</t>
  </si>
  <si>
    <t>SDU’s omdømme i offentligheden bliver påvirket.</t>
  </si>
  <si>
    <t>Irreversibel påvirkning for evt. registrerede personer, hvis hændelsen omhandler persondata. Fx manglende arbejdsevne, alvorlig sygdom, økonomiske tab.</t>
  </si>
  <si>
    <t>Betydning af scoringstallet</t>
  </si>
  <si>
    <t>1-4</t>
  </si>
  <si>
    <t>Lav</t>
  </si>
  <si>
    <t>Afhjælpende handlinger behøves nok ikke:</t>
  </si>
  <si>
    <r>
      <t>·</t>
    </r>
    <r>
      <rPr>
        <sz val="7"/>
        <color rgb="FF000000"/>
        <rFont val="Times New Roman"/>
        <family val="1"/>
      </rPr>
      <t xml:space="preserve">       </t>
    </r>
    <r>
      <rPr>
        <sz val="11"/>
        <color rgb="FF000000"/>
        <rFont val="Arial"/>
        <family val="2"/>
      </rPr>
      <t>For usandsynlige risici, undtaget hvis konsekvensen er uacceptabel.</t>
    </r>
  </si>
  <si>
    <r>
      <t>·</t>
    </r>
    <r>
      <rPr>
        <sz val="7"/>
        <color rgb="FF000000"/>
        <rFont val="Times New Roman"/>
        <family val="1"/>
      </rPr>
      <t xml:space="preserve">       </t>
    </r>
    <r>
      <rPr>
        <sz val="11"/>
        <color rgb="FF000000"/>
        <rFont val="Arial"/>
        <family val="2"/>
      </rPr>
      <t>For mindre sandsynlige risici med uvæsentlig eller begrænset konsekvens.</t>
    </r>
  </si>
  <si>
    <r>
      <t>·</t>
    </r>
    <r>
      <rPr>
        <sz val="7"/>
        <color rgb="FF000000"/>
        <rFont val="Times New Roman"/>
        <family val="1"/>
      </rPr>
      <t xml:space="preserve">       </t>
    </r>
    <r>
      <rPr>
        <sz val="11"/>
        <color rgb="FF000000"/>
        <rFont val="Arial"/>
        <family val="2"/>
      </rPr>
      <t>For sandsynlige eller meget sandsynlige risici med uvæsentlig konsekvens.</t>
    </r>
  </si>
  <si>
    <t>5-16</t>
  </si>
  <si>
    <t>Mellem</t>
  </si>
  <si>
    <t>Øget opmærksomhed og afhjælpende handlinger bør evt. sættes i værk:</t>
  </si>
  <si>
    <r>
      <t>·</t>
    </r>
    <r>
      <rPr>
        <sz val="7"/>
        <color rgb="FF000000"/>
        <rFont val="Times New Roman"/>
        <family val="1"/>
      </rPr>
      <t xml:space="preserve">       </t>
    </r>
    <r>
      <rPr>
        <sz val="11"/>
        <color rgb="FF000000"/>
        <rFont val="Arial"/>
        <family val="2"/>
      </rPr>
      <t>For usandsynlige risici med uacceptabel konsekvens.</t>
    </r>
  </si>
  <si>
    <r>
      <rPr>
        <sz val="11"/>
        <color rgb="FF000000"/>
        <rFont val="Symbol"/>
      </rPr>
      <t>·</t>
    </r>
    <r>
      <rPr>
        <sz val="7"/>
        <color rgb="FF000000"/>
        <rFont val="Times New Roman"/>
      </rPr>
      <t xml:space="preserve">       </t>
    </r>
    <r>
      <rPr>
        <sz val="11"/>
        <color rgb="FF000000"/>
        <rFont val="Arial"/>
      </rPr>
      <t>For mindre sandsynlige risici med væsentlig, alvorlig eller uacceptabel konsekvens.</t>
    </r>
  </si>
  <si>
    <r>
      <t>·</t>
    </r>
    <r>
      <rPr>
        <sz val="7"/>
        <color rgb="FF000000"/>
        <rFont val="Times New Roman"/>
        <family val="1"/>
      </rPr>
      <t xml:space="preserve">       </t>
    </r>
    <r>
      <rPr>
        <sz val="11"/>
        <color rgb="FF000000"/>
        <rFont val="Arial"/>
        <family val="2"/>
      </rPr>
      <t>For sandsynlige risici, undtaget med uvæsentlig konsekvens.</t>
    </r>
  </si>
  <si>
    <r>
      <rPr>
        <sz val="11"/>
        <color rgb="FF000000"/>
        <rFont val="Symbol"/>
      </rPr>
      <t>·</t>
    </r>
    <r>
      <rPr>
        <sz val="7"/>
        <color rgb="FF000000"/>
        <rFont val="Times New Roman"/>
      </rPr>
      <t xml:space="preserve">       </t>
    </r>
    <r>
      <rPr>
        <sz val="11"/>
        <color rgb="FF000000"/>
        <rFont val="Arial"/>
      </rPr>
      <t>For meget sandsynlige risici med begrænset, væsentlig eller alvorlig konsekvens.</t>
    </r>
  </si>
  <si>
    <r>
      <t>·</t>
    </r>
    <r>
      <rPr>
        <sz val="7"/>
        <color rgb="FF000000"/>
        <rFont val="Times New Roman"/>
        <family val="1"/>
      </rPr>
      <t xml:space="preserve">       </t>
    </r>
    <r>
      <rPr>
        <sz val="11"/>
        <color rgb="FF000000"/>
        <rFont val="Arial"/>
        <family val="2"/>
      </rPr>
      <t>For forventede risici med uvæsentlig konsekvens.</t>
    </r>
  </si>
  <si>
    <t>20-25</t>
  </si>
  <si>
    <t>Højt</t>
  </si>
  <si>
    <t>Afhjælpende handlinger skal gennemføres:</t>
  </si>
  <si>
    <r>
      <t>·</t>
    </r>
    <r>
      <rPr>
        <sz val="7"/>
        <color rgb="FF000000"/>
        <rFont val="Times New Roman"/>
        <family val="1"/>
      </rPr>
      <t xml:space="preserve">       </t>
    </r>
    <r>
      <rPr>
        <sz val="11"/>
        <color rgb="FF000000"/>
        <rFont val="Arial"/>
        <family val="2"/>
      </rPr>
      <t>For meget sandsynlige risici med uacceptabel konsekvens.</t>
    </r>
  </si>
  <si>
    <r>
      <t>·</t>
    </r>
    <r>
      <rPr>
        <sz val="7"/>
        <color rgb="FF000000"/>
        <rFont val="Times New Roman"/>
        <family val="1"/>
      </rPr>
      <t xml:space="preserve">       </t>
    </r>
    <r>
      <rPr>
        <sz val="11"/>
        <color rgb="FF000000"/>
        <rFont val="Arial"/>
        <family val="2"/>
      </rPr>
      <t>For forventede risici med alvorlig eller uacceptabel konsekvens.</t>
    </r>
  </si>
  <si>
    <t>Risikoprofil</t>
  </si>
  <si>
    <t>Værdie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14">
    <font>
      <sz val="11"/>
      <color theme="1"/>
      <name val="Calibri"/>
      <family val="2"/>
      <scheme val="minor"/>
    </font>
    <font>
      <b/>
      <sz val="14"/>
      <color theme="1"/>
      <name val="Arial"/>
      <family val="2"/>
    </font>
    <font>
      <sz val="48"/>
      <color theme="1"/>
      <name val="Arial"/>
      <family val="2"/>
    </font>
    <font>
      <sz val="11"/>
      <color theme="1"/>
      <name val="Arial"/>
      <family val="2"/>
    </font>
    <font>
      <sz val="9"/>
      <color theme="1"/>
      <name val="Arial"/>
      <family val="2"/>
    </font>
    <font>
      <b/>
      <sz val="11"/>
      <color theme="1"/>
      <name val="Arial"/>
      <family val="2"/>
    </font>
    <font>
      <sz val="11"/>
      <color rgb="FF000000"/>
      <name val="Arial"/>
      <family val="2"/>
    </font>
    <font>
      <sz val="11"/>
      <color rgb="FF000000"/>
      <name val="Symbol"/>
      <family val="1"/>
      <charset val="2"/>
    </font>
    <font>
      <sz val="7"/>
      <color rgb="FF000000"/>
      <name val="Times New Roman"/>
      <family val="1"/>
    </font>
    <font>
      <b/>
      <sz val="10"/>
      <color theme="1"/>
      <name val="Arial"/>
      <family val="2"/>
    </font>
    <font>
      <sz val="10"/>
      <color theme="1"/>
      <name val="Arial"/>
      <family val="2"/>
    </font>
    <font>
      <sz val="11"/>
      <color rgb="FF000000"/>
      <name val="Symbol"/>
    </font>
    <font>
      <sz val="7"/>
      <color rgb="FF000000"/>
      <name val="Times New Roman"/>
    </font>
    <font>
      <sz val="11"/>
      <color rgb="FF000000"/>
      <name val="Arial"/>
    </font>
  </fonts>
  <fills count="6">
    <fill>
      <patternFill patternType="none"/>
    </fill>
    <fill>
      <patternFill patternType="gray125"/>
    </fill>
    <fill>
      <patternFill patternType="solid">
        <fgColor theme="0"/>
        <bgColor indexed="64"/>
      </patternFill>
    </fill>
    <fill>
      <patternFill patternType="solid">
        <fgColor rgb="FFAEB862"/>
        <bgColor indexed="64"/>
      </patternFill>
    </fill>
    <fill>
      <patternFill patternType="solid">
        <fgColor rgb="FFD05A57"/>
        <bgColor indexed="64"/>
      </patternFill>
    </fill>
    <fill>
      <patternFill patternType="solid">
        <fgColor rgb="FFF2C75C"/>
        <bgColor indexed="64"/>
      </patternFill>
    </fill>
  </fills>
  <borders count="19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/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 style="medium">
        <color indexed="64"/>
      </right>
      <top style="medium">
        <color indexed="64"/>
      </top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/>
      <bottom/>
      <diagonal/>
    </border>
  </borders>
  <cellStyleXfs count="1">
    <xf numFmtId="0" fontId="0" fillId="0" borderId="0"/>
  </cellStyleXfs>
  <cellXfs count="55">
    <xf numFmtId="0" fontId="0" fillId="0" borderId="0" xfId="0"/>
    <xf numFmtId="0" fontId="3" fillId="0" borderId="0" xfId="0" applyFont="1" applyAlignment="1">
      <alignment wrapText="1"/>
    </xf>
    <xf numFmtId="0" fontId="3" fillId="0" borderId="0" xfId="0" applyFont="1"/>
    <xf numFmtId="0" fontId="1" fillId="0" borderId="0" xfId="0" applyFont="1"/>
    <xf numFmtId="0" fontId="4" fillId="0" borderId="0" xfId="0" applyFont="1" applyAlignment="1">
      <alignment vertical="top" wrapText="1"/>
    </xf>
    <xf numFmtId="0" fontId="3" fillId="0" borderId="1" xfId="0" applyFont="1" applyBorder="1" applyAlignment="1">
      <alignment vertical="top" wrapText="1"/>
    </xf>
    <xf numFmtId="0" fontId="5" fillId="0" borderId="1" xfId="0" applyFont="1" applyBorder="1" applyAlignment="1">
      <alignment vertical="top" wrapText="1"/>
    </xf>
    <xf numFmtId="0" fontId="5" fillId="0" borderId="1" xfId="0" applyFont="1" applyBorder="1" applyAlignment="1">
      <alignment horizontal="right" vertical="top" wrapText="1"/>
    </xf>
    <xf numFmtId="0" fontId="5" fillId="0" borderId="4" xfId="0" applyFont="1" applyBorder="1" applyAlignment="1">
      <alignment horizontal="right" vertical="top" wrapText="1"/>
    </xf>
    <xf numFmtId="0" fontId="6" fillId="0" borderId="0" xfId="0" applyFont="1" applyAlignment="1">
      <alignment vertical="center"/>
    </xf>
    <xf numFmtId="0" fontId="6" fillId="0" borderId="17" xfId="0" applyFont="1" applyBorder="1" applyAlignment="1">
      <alignment vertical="center" wrapText="1"/>
    </xf>
    <xf numFmtId="0" fontId="7" fillId="0" borderId="18" xfId="0" applyFont="1" applyBorder="1" applyAlignment="1">
      <alignment horizontal="left" vertical="center" wrapText="1" indent="4"/>
    </xf>
    <xf numFmtId="0" fontId="7" fillId="0" borderId="8" xfId="0" applyFont="1" applyBorder="1" applyAlignment="1">
      <alignment horizontal="left" vertical="center" wrapText="1" indent="4"/>
    </xf>
    <xf numFmtId="49" fontId="3" fillId="0" borderId="1" xfId="0" applyNumberFormat="1" applyFont="1" applyBorder="1" applyAlignment="1">
      <alignment horizontal="right" vertical="top" wrapText="1"/>
    </xf>
    <xf numFmtId="49" fontId="3" fillId="0" borderId="4" xfId="0" applyNumberFormat="1" applyFont="1" applyBorder="1" applyAlignment="1">
      <alignment horizontal="right" vertical="top" wrapText="1"/>
    </xf>
    <xf numFmtId="49" fontId="3" fillId="0" borderId="6" xfId="0" applyNumberFormat="1" applyFont="1" applyBorder="1" applyAlignment="1">
      <alignment horizontal="right" vertical="top" wrapText="1"/>
    </xf>
    <xf numFmtId="49" fontId="3" fillId="0" borderId="7" xfId="0" applyNumberFormat="1" applyFont="1" applyBorder="1" applyAlignment="1">
      <alignment horizontal="right" vertical="top" wrapText="1"/>
    </xf>
    <xf numFmtId="0" fontId="1" fillId="0" borderId="0" xfId="0" applyFont="1" applyAlignment="1">
      <alignment vertical="top"/>
    </xf>
    <xf numFmtId="0" fontId="2" fillId="0" borderId="0" xfId="0" applyFont="1"/>
    <xf numFmtId="0" fontId="9" fillId="0" borderId="0" xfId="0" applyFont="1" applyAlignment="1">
      <alignment vertical="center"/>
    </xf>
    <xf numFmtId="0" fontId="5" fillId="0" borderId="2" xfId="0" applyFont="1" applyBorder="1" applyAlignment="1">
      <alignment vertical="top" wrapText="1"/>
    </xf>
    <xf numFmtId="0" fontId="3" fillId="0" borderId="3" xfId="0" applyFont="1" applyBorder="1" applyAlignment="1">
      <alignment vertical="top" wrapText="1"/>
    </xf>
    <xf numFmtId="0" fontId="5" fillId="0" borderId="3" xfId="0" applyFont="1" applyBorder="1" applyAlignment="1">
      <alignment vertical="top" wrapText="1"/>
    </xf>
    <xf numFmtId="0" fontId="3" fillId="0" borderId="5" xfId="0" applyFont="1" applyBorder="1" applyAlignment="1">
      <alignment vertical="top" wrapText="1"/>
    </xf>
    <xf numFmtId="0" fontId="3" fillId="0" borderId="6" xfId="0" applyFont="1" applyBorder="1" applyAlignment="1">
      <alignment vertical="top" wrapText="1"/>
    </xf>
    <xf numFmtId="1" fontId="3" fillId="2" borderId="4" xfId="0" applyNumberFormat="1" applyFont="1" applyFill="1" applyBorder="1" applyAlignment="1">
      <alignment horizontal="right" vertical="top" wrapText="1"/>
    </xf>
    <xf numFmtId="0" fontId="3" fillId="3" borderId="1" xfId="0" applyFont="1" applyFill="1" applyBorder="1" applyAlignment="1">
      <alignment horizontal="center" vertical="center"/>
    </xf>
    <xf numFmtId="0" fontId="3" fillId="5" borderId="1" xfId="0" applyFont="1" applyFill="1" applyBorder="1" applyAlignment="1">
      <alignment horizontal="center" vertical="center"/>
    </xf>
    <xf numFmtId="0" fontId="3" fillId="4" borderId="1" xfId="0" applyFont="1" applyFill="1" applyBorder="1" applyAlignment="1">
      <alignment horizontal="center" vertical="center"/>
    </xf>
    <xf numFmtId="0" fontId="3" fillId="0" borderId="0" xfId="0" applyFont="1" applyAlignment="1">
      <alignment vertical="top"/>
    </xf>
    <xf numFmtId="0" fontId="3" fillId="0" borderId="0" xfId="0" applyFont="1" applyAlignment="1">
      <alignment horizontal="center" vertical="center"/>
    </xf>
    <xf numFmtId="0" fontId="6" fillId="0" borderId="1" xfId="0" applyFont="1" applyBorder="1" applyAlignment="1">
      <alignment vertical="center" wrapText="1"/>
    </xf>
    <xf numFmtId="0" fontId="5" fillId="0" borderId="1" xfId="0" applyFont="1" applyBorder="1" applyAlignment="1">
      <alignment horizontal="center" vertical="center"/>
    </xf>
    <xf numFmtId="0" fontId="6" fillId="0" borderId="0" xfId="0" applyFont="1" applyAlignment="1">
      <alignment vertical="center" wrapText="1"/>
    </xf>
    <xf numFmtId="0" fontId="3" fillId="2" borderId="1" xfId="0" applyFont="1" applyFill="1" applyBorder="1" applyAlignment="1">
      <alignment horizontal="right" vertical="top" wrapText="1"/>
    </xf>
    <xf numFmtId="0" fontId="3" fillId="0" borderId="11" xfId="0" applyFont="1" applyBorder="1" applyAlignment="1">
      <alignment horizontal="right" vertical="top" wrapText="1"/>
    </xf>
    <xf numFmtId="0" fontId="3" fillId="0" borderId="15" xfId="0" applyFont="1" applyBorder="1" applyAlignment="1">
      <alignment horizontal="right" vertical="top" wrapText="1"/>
    </xf>
    <xf numFmtId="0" fontId="3" fillId="0" borderId="16" xfId="0" applyFont="1" applyBorder="1" applyAlignment="1">
      <alignment horizontal="right" vertical="top" wrapText="1"/>
    </xf>
    <xf numFmtId="0" fontId="5" fillId="0" borderId="9" xfId="0" applyFont="1" applyBorder="1" applyAlignment="1">
      <alignment vertical="top" wrapText="1"/>
    </xf>
    <xf numFmtId="0" fontId="5" fillId="0" borderId="10" xfId="0" applyFont="1" applyBorder="1" applyAlignment="1">
      <alignment vertical="top" wrapText="1"/>
    </xf>
    <xf numFmtId="0" fontId="5" fillId="0" borderId="9" xfId="0" applyFont="1" applyBorder="1" applyAlignment="1">
      <alignment horizontal="right" vertical="top" wrapText="1"/>
    </xf>
    <xf numFmtId="0" fontId="5" fillId="0" borderId="13" xfId="0" applyFont="1" applyBorder="1" applyAlignment="1">
      <alignment horizontal="right" vertical="top" wrapText="1"/>
    </xf>
    <xf numFmtId="0" fontId="5" fillId="0" borderId="14" xfId="0" applyFont="1" applyBorder="1" applyAlignment="1">
      <alignment horizontal="right" vertical="top" wrapText="1"/>
    </xf>
    <xf numFmtId="0" fontId="3" fillId="0" borderId="11" xfId="0" applyFont="1" applyBorder="1" applyAlignment="1">
      <alignment vertical="top" wrapText="1"/>
    </xf>
    <xf numFmtId="0" fontId="3" fillId="0" borderId="12" xfId="0" applyFont="1" applyBorder="1" applyAlignment="1">
      <alignment vertical="top" wrapText="1"/>
    </xf>
    <xf numFmtId="0" fontId="10" fillId="0" borderId="0" xfId="0" applyFont="1" applyAlignment="1">
      <alignment horizontal="right" vertical="center"/>
    </xf>
    <xf numFmtId="49" fontId="6" fillId="3" borderId="1" xfId="0" applyNumberFormat="1" applyFont="1" applyFill="1" applyBorder="1" applyAlignment="1">
      <alignment vertical="center" wrapText="1"/>
    </xf>
    <xf numFmtId="0" fontId="6" fillId="0" borderId="11" xfId="0" applyFont="1" applyBorder="1" applyAlignment="1">
      <alignment vertical="center" wrapText="1"/>
    </xf>
    <xf numFmtId="49" fontId="6" fillId="5" borderId="1" xfId="0" applyNumberFormat="1" applyFont="1" applyFill="1" applyBorder="1" applyAlignment="1">
      <alignment vertical="center" wrapText="1"/>
    </xf>
    <xf numFmtId="49" fontId="6" fillId="4" borderId="1" xfId="0" applyNumberFormat="1" applyFont="1" applyFill="1" applyBorder="1" applyAlignment="1">
      <alignment vertical="center" wrapText="1"/>
    </xf>
    <xf numFmtId="0" fontId="6" fillId="0" borderId="1" xfId="0" applyFont="1" applyBorder="1" applyAlignment="1">
      <alignment vertical="center" wrapText="1"/>
    </xf>
    <xf numFmtId="0" fontId="6" fillId="0" borderId="0" xfId="0" applyFont="1" applyAlignment="1">
      <alignment vertical="top"/>
    </xf>
    <xf numFmtId="0" fontId="6" fillId="0" borderId="0" xfId="0" applyFont="1" applyAlignment="1">
      <alignment vertical="top" wrapText="1"/>
    </xf>
    <xf numFmtId="0" fontId="5" fillId="0" borderId="1" xfId="0" applyFont="1" applyBorder="1" applyAlignment="1">
      <alignment horizontal="center" vertical="center"/>
    </xf>
    <xf numFmtId="0" fontId="5" fillId="0" borderId="1" xfId="0" applyFont="1" applyBorder="1" applyAlignment="1">
      <alignment horizontal="center" vertical="center" textRotation="90"/>
    </xf>
  </cellXfs>
  <cellStyles count="1">
    <cellStyle name="Normal" xfId="0" builtinId="0"/>
  </cellStyles>
  <dxfs count="30">
    <dxf>
      <font>
        <color auto="1"/>
      </font>
      <fill>
        <patternFill>
          <bgColor rgb="FFAEB862"/>
        </patternFill>
      </fill>
    </dxf>
    <dxf>
      <font>
        <color auto="1"/>
      </font>
      <fill>
        <patternFill>
          <bgColor rgb="FFF2C75C"/>
        </patternFill>
      </fill>
    </dxf>
    <dxf>
      <fill>
        <patternFill>
          <bgColor rgb="FFD05A57"/>
        </patternFill>
      </fill>
    </dxf>
    <dxf>
      <font>
        <color auto="1"/>
      </font>
      <fill>
        <patternFill>
          <bgColor rgb="FFAEB862"/>
        </patternFill>
      </fill>
    </dxf>
    <dxf>
      <font>
        <color auto="1"/>
      </font>
      <fill>
        <patternFill>
          <bgColor rgb="FFF2C75C"/>
        </patternFill>
      </fill>
    </dxf>
    <dxf>
      <fill>
        <patternFill>
          <bgColor rgb="FFD05A57"/>
        </patternFill>
      </fill>
    </dxf>
    <dxf>
      <font>
        <color auto="1"/>
      </font>
      <fill>
        <patternFill>
          <bgColor rgb="FFAEB862"/>
        </patternFill>
      </fill>
    </dxf>
    <dxf>
      <font>
        <color auto="1"/>
      </font>
      <fill>
        <patternFill>
          <bgColor rgb="FFF2C75C"/>
        </patternFill>
      </fill>
    </dxf>
    <dxf>
      <fill>
        <patternFill>
          <bgColor rgb="FFD05A57"/>
        </patternFill>
      </fill>
    </dxf>
    <dxf>
      <font>
        <color auto="1"/>
      </font>
      <fill>
        <patternFill>
          <bgColor rgb="FFAEB862"/>
        </patternFill>
      </fill>
    </dxf>
    <dxf>
      <font>
        <color auto="1"/>
      </font>
      <fill>
        <patternFill>
          <bgColor rgb="FFF2C75C"/>
        </patternFill>
      </fill>
    </dxf>
    <dxf>
      <fill>
        <patternFill>
          <bgColor rgb="FFD05A57"/>
        </patternFill>
      </fill>
    </dxf>
    <dxf>
      <font>
        <color auto="1"/>
      </font>
      <fill>
        <patternFill>
          <bgColor rgb="FFAEB862"/>
        </patternFill>
      </fill>
    </dxf>
    <dxf>
      <font>
        <color auto="1"/>
      </font>
      <fill>
        <patternFill>
          <bgColor rgb="FFF2C75C"/>
        </patternFill>
      </fill>
    </dxf>
    <dxf>
      <fill>
        <patternFill>
          <bgColor rgb="FFD05A57"/>
        </patternFill>
      </fill>
    </dxf>
    <dxf>
      <font>
        <color auto="1"/>
      </font>
      <fill>
        <patternFill>
          <bgColor rgb="FFAEB862"/>
        </patternFill>
      </fill>
    </dxf>
    <dxf>
      <font>
        <color auto="1"/>
      </font>
      <fill>
        <patternFill>
          <bgColor rgb="FFF2C75C"/>
        </patternFill>
      </fill>
    </dxf>
    <dxf>
      <fill>
        <patternFill>
          <bgColor rgb="FFD05A57"/>
        </patternFill>
      </fill>
    </dxf>
    <dxf>
      <font>
        <color auto="1"/>
      </font>
      <fill>
        <patternFill>
          <bgColor rgb="FFAEB862"/>
        </patternFill>
      </fill>
    </dxf>
    <dxf>
      <font>
        <color auto="1"/>
      </font>
      <fill>
        <patternFill>
          <bgColor rgb="FFF2C75C"/>
        </patternFill>
      </fill>
    </dxf>
    <dxf>
      <fill>
        <patternFill>
          <bgColor rgb="FFD05A57"/>
        </patternFill>
      </fill>
    </dxf>
    <dxf>
      <font>
        <color auto="1"/>
      </font>
      <fill>
        <patternFill>
          <bgColor rgb="FFAEB862"/>
        </patternFill>
      </fill>
    </dxf>
    <dxf>
      <font>
        <color auto="1"/>
      </font>
      <fill>
        <patternFill>
          <bgColor rgb="FFF2C75C"/>
        </patternFill>
      </fill>
    </dxf>
    <dxf>
      <fill>
        <patternFill>
          <bgColor rgb="FFD05A57"/>
        </patternFill>
      </fill>
    </dxf>
    <dxf>
      <font>
        <color auto="1"/>
      </font>
      <fill>
        <patternFill>
          <bgColor rgb="FFAEB862"/>
        </patternFill>
      </fill>
    </dxf>
    <dxf>
      <font>
        <color auto="1"/>
      </font>
      <fill>
        <patternFill>
          <bgColor rgb="FFF2C75C"/>
        </patternFill>
      </fill>
    </dxf>
    <dxf>
      <fill>
        <patternFill>
          <bgColor rgb="FFD05A57"/>
        </patternFill>
      </fill>
    </dxf>
    <dxf>
      <font>
        <color auto="1"/>
      </font>
      <fill>
        <patternFill>
          <bgColor rgb="FFAEB862"/>
        </patternFill>
      </fill>
    </dxf>
    <dxf>
      <font>
        <color auto="1"/>
      </font>
      <fill>
        <patternFill>
          <bgColor rgb="FFF2C75C"/>
        </patternFill>
      </fill>
    </dxf>
    <dxf>
      <fill>
        <patternFill>
          <bgColor rgb="FFD05A57"/>
        </patternFill>
      </fill>
    </dxf>
  </dxfs>
  <tableStyles count="1" defaultTableStyle="TableStyleMedium2" defaultPivotStyle="PivotStyleLight16">
    <tableStyle name="Invisible" pivot="0" table="0" count="0" xr9:uid="{554D4F50-79D5-47E3-9AC0-491D3A452B11}"/>
  </tableStyles>
  <colors>
    <mruColors>
      <color rgb="FFF9E207"/>
      <color rgb="FF99FF33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1.xml"/><Relationship Id="rId3" Type="http://schemas.openxmlformats.org/officeDocument/2006/relationships/worksheet" Target="worksheets/sheet3.xml"/><Relationship Id="rId7" Type="http://schemas.openxmlformats.org/officeDocument/2006/relationships/calcChain" Target="calcChain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5" Type="http://schemas.openxmlformats.org/officeDocument/2006/relationships/styles" Target="styles.xml"/><Relationship Id="rId10" Type="http://schemas.openxmlformats.org/officeDocument/2006/relationships/customXml" Target="../customXml/item3.xml"/><Relationship Id="rId4" Type="http://schemas.openxmlformats.org/officeDocument/2006/relationships/theme" Target="theme/theme1.xml"/><Relationship Id="rId9" Type="http://schemas.openxmlformats.org/officeDocument/2006/relationships/customXml" Target="../customXml/item2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F51"/>
  <sheetViews>
    <sheetView showGridLines="0" zoomScale="85" zoomScaleNormal="85" workbookViewId="0">
      <selection activeCell="C9" sqref="C9"/>
    </sheetView>
  </sheetViews>
  <sheetFormatPr defaultColWidth="8.7109375" defaultRowHeight="14.1"/>
  <cols>
    <col min="1" max="1" width="15.7109375" style="1" customWidth="1"/>
    <col min="2" max="3" width="35.5703125" style="1" customWidth="1"/>
    <col min="4" max="5" width="15.5703125" style="1" customWidth="1"/>
    <col min="6" max="6" width="15.5703125" style="2" customWidth="1"/>
    <col min="7" max="16384" width="8.7109375" style="2"/>
  </cols>
  <sheetData>
    <row r="1" spans="1:6" ht="21.75" customHeight="1">
      <c r="A1" s="17" t="s">
        <v>0</v>
      </c>
      <c r="B1" s="18"/>
      <c r="D1" s="19" t="s">
        <v>1</v>
      </c>
      <c r="E1" s="45" t="s">
        <v>2</v>
      </c>
      <c r="F1" s="45"/>
    </row>
    <row r="2" spans="1:6" ht="14.45" thickBot="1"/>
    <row r="3" spans="1:6" s="3" customFormat="1" ht="18">
      <c r="A3" s="20" t="s">
        <v>3</v>
      </c>
      <c r="B3" s="38" t="s">
        <v>4</v>
      </c>
      <c r="C3" s="39"/>
      <c r="D3" s="40" t="s">
        <v>5</v>
      </c>
      <c r="E3" s="41"/>
      <c r="F3" s="42"/>
    </row>
    <row r="4" spans="1:6" s="4" customFormat="1" ht="27.95" customHeight="1">
      <c r="A4" s="21" t="s">
        <v>6</v>
      </c>
      <c r="B4" s="43" t="s">
        <v>7</v>
      </c>
      <c r="C4" s="44"/>
      <c r="D4" s="35" t="s">
        <v>8</v>
      </c>
      <c r="E4" s="36"/>
      <c r="F4" s="37"/>
    </row>
    <row r="5" spans="1:6" s="4" customFormat="1" ht="18" customHeight="1">
      <c r="A5" s="22" t="s">
        <v>9</v>
      </c>
      <c r="B5" s="6" t="s">
        <v>10</v>
      </c>
      <c r="C5" s="6" t="s">
        <v>11</v>
      </c>
      <c r="D5" s="7" t="s">
        <v>12</v>
      </c>
      <c r="E5" s="7" t="s">
        <v>13</v>
      </c>
      <c r="F5" s="8" t="s">
        <v>14</v>
      </c>
    </row>
    <row r="6" spans="1:6" s="4" customFormat="1" ht="42">
      <c r="A6" s="21" t="s">
        <v>9</v>
      </c>
      <c r="B6" s="5" t="s">
        <v>15</v>
      </c>
      <c r="C6" s="5" t="s">
        <v>16</v>
      </c>
      <c r="D6" s="34">
        <v>1</v>
      </c>
      <c r="E6" s="34">
        <v>1</v>
      </c>
      <c r="F6" s="25">
        <f>D6*E6</f>
        <v>1</v>
      </c>
    </row>
    <row r="7" spans="1:6" s="4" customFormat="1" ht="18" customHeight="1">
      <c r="A7" s="22" t="s">
        <v>17</v>
      </c>
      <c r="B7" s="5"/>
      <c r="C7" s="5"/>
      <c r="D7" s="13"/>
      <c r="E7" s="13"/>
      <c r="F7" s="14"/>
    </row>
    <row r="8" spans="1:6" s="4" customFormat="1" ht="27.95" customHeight="1">
      <c r="A8" s="21" t="s">
        <v>17</v>
      </c>
      <c r="B8" s="5"/>
      <c r="C8" s="5"/>
      <c r="D8" s="34">
        <v>1</v>
      </c>
      <c r="E8" s="34">
        <v>1</v>
      </c>
      <c r="F8" s="25">
        <f t="shared" ref="F8:F9" si="0">D8*E8</f>
        <v>1</v>
      </c>
    </row>
    <row r="9" spans="1:6" s="4" customFormat="1" ht="27.95" customHeight="1">
      <c r="A9" s="21" t="s">
        <v>17</v>
      </c>
      <c r="B9" s="5"/>
      <c r="C9" s="5"/>
      <c r="D9" s="34">
        <v>1</v>
      </c>
      <c r="E9" s="34">
        <v>1</v>
      </c>
      <c r="F9" s="25">
        <f t="shared" si="0"/>
        <v>1</v>
      </c>
    </row>
    <row r="10" spans="1:6" s="4" customFormat="1" ht="18" customHeight="1">
      <c r="A10" s="22" t="s">
        <v>18</v>
      </c>
      <c r="B10" s="5"/>
      <c r="C10" s="5"/>
      <c r="D10" s="13"/>
      <c r="E10" s="13"/>
      <c r="F10" s="14"/>
    </row>
    <row r="11" spans="1:6" s="4" customFormat="1" ht="27.95" customHeight="1" thickBot="1">
      <c r="A11" s="23" t="s">
        <v>18</v>
      </c>
      <c r="B11" s="24"/>
      <c r="C11" s="24"/>
      <c r="D11" s="15"/>
      <c r="E11" s="15"/>
      <c r="F11" s="16"/>
    </row>
    <row r="12" spans="1:6" ht="14.45" thickBot="1"/>
    <row r="13" spans="1:6" ht="18" customHeight="1">
      <c r="A13" s="20" t="s">
        <v>3</v>
      </c>
      <c r="B13" s="38" t="s">
        <v>4</v>
      </c>
      <c r="C13" s="39"/>
      <c r="D13" s="40" t="s">
        <v>5</v>
      </c>
      <c r="E13" s="41"/>
      <c r="F13" s="42"/>
    </row>
    <row r="14" spans="1:6" ht="27.95" customHeight="1">
      <c r="A14" s="21" t="s">
        <v>6</v>
      </c>
      <c r="B14" s="43" t="s">
        <v>7</v>
      </c>
      <c r="C14" s="44"/>
      <c r="D14" s="35" t="s">
        <v>8</v>
      </c>
      <c r="E14" s="36"/>
      <c r="F14" s="37"/>
    </row>
    <row r="15" spans="1:6" ht="18" customHeight="1">
      <c r="A15" s="22" t="s">
        <v>9</v>
      </c>
      <c r="B15" s="6" t="s">
        <v>10</v>
      </c>
      <c r="C15" s="6" t="s">
        <v>11</v>
      </c>
      <c r="D15" s="7" t="s">
        <v>12</v>
      </c>
      <c r="E15" s="7" t="s">
        <v>13</v>
      </c>
      <c r="F15" s="8" t="s">
        <v>14</v>
      </c>
    </row>
    <row r="16" spans="1:6" ht="42">
      <c r="A16" s="21" t="s">
        <v>9</v>
      </c>
      <c r="B16" s="5" t="s">
        <v>15</v>
      </c>
      <c r="C16" s="5" t="s">
        <v>16</v>
      </c>
      <c r="D16" s="34">
        <v>1</v>
      </c>
      <c r="E16" s="34">
        <v>1</v>
      </c>
      <c r="F16" s="25">
        <f>D16*E16</f>
        <v>1</v>
      </c>
    </row>
    <row r="17" spans="1:6" ht="18" customHeight="1">
      <c r="A17" s="22" t="s">
        <v>17</v>
      </c>
      <c r="B17" s="5"/>
      <c r="C17" s="5"/>
      <c r="D17" s="13"/>
      <c r="E17" s="13"/>
      <c r="F17" s="14"/>
    </row>
    <row r="18" spans="1:6" ht="27.95" customHeight="1">
      <c r="A18" s="21" t="s">
        <v>17</v>
      </c>
      <c r="B18" s="5"/>
      <c r="C18" s="5"/>
      <c r="D18" s="34">
        <v>1</v>
      </c>
      <c r="E18" s="34">
        <v>1</v>
      </c>
      <c r="F18" s="25">
        <f t="shared" ref="F18:F19" si="1">D18*E18</f>
        <v>1</v>
      </c>
    </row>
    <row r="19" spans="1:6" ht="27.95" customHeight="1">
      <c r="A19" s="21" t="s">
        <v>17</v>
      </c>
      <c r="B19" s="5"/>
      <c r="C19" s="5"/>
      <c r="D19" s="34">
        <v>1</v>
      </c>
      <c r="E19" s="34">
        <v>1</v>
      </c>
      <c r="F19" s="25">
        <f t="shared" si="1"/>
        <v>1</v>
      </c>
    </row>
    <row r="20" spans="1:6" ht="18" customHeight="1">
      <c r="A20" s="22" t="s">
        <v>18</v>
      </c>
      <c r="B20" s="5"/>
      <c r="C20" s="5"/>
      <c r="D20" s="13"/>
      <c r="E20" s="13"/>
      <c r="F20" s="14"/>
    </row>
    <row r="21" spans="1:6" ht="27.95" customHeight="1" thickBot="1">
      <c r="A21" s="23" t="s">
        <v>18</v>
      </c>
      <c r="B21" s="24"/>
      <c r="C21" s="24"/>
      <c r="D21" s="15"/>
      <c r="E21" s="15"/>
      <c r="F21" s="16"/>
    </row>
    <row r="22" spans="1:6" ht="14.45" thickBot="1"/>
    <row r="23" spans="1:6" ht="18" customHeight="1">
      <c r="A23" s="20" t="s">
        <v>3</v>
      </c>
      <c r="B23" s="38" t="s">
        <v>4</v>
      </c>
      <c r="C23" s="39"/>
      <c r="D23" s="40" t="s">
        <v>5</v>
      </c>
      <c r="E23" s="41"/>
      <c r="F23" s="42"/>
    </row>
    <row r="24" spans="1:6" ht="27.95" customHeight="1">
      <c r="A24" s="21" t="s">
        <v>6</v>
      </c>
      <c r="B24" s="43" t="s">
        <v>7</v>
      </c>
      <c r="C24" s="44"/>
      <c r="D24" s="35" t="s">
        <v>8</v>
      </c>
      <c r="E24" s="36"/>
      <c r="F24" s="37"/>
    </row>
    <row r="25" spans="1:6" ht="18" customHeight="1">
      <c r="A25" s="22" t="s">
        <v>9</v>
      </c>
      <c r="B25" s="6" t="s">
        <v>10</v>
      </c>
      <c r="C25" s="6" t="s">
        <v>11</v>
      </c>
      <c r="D25" s="7" t="s">
        <v>12</v>
      </c>
      <c r="E25" s="7" t="s">
        <v>13</v>
      </c>
      <c r="F25" s="8" t="s">
        <v>14</v>
      </c>
    </row>
    <row r="26" spans="1:6" ht="42">
      <c r="A26" s="21" t="s">
        <v>9</v>
      </c>
      <c r="B26" s="5" t="s">
        <v>15</v>
      </c>
      <c r="C26" s="5" t="s">
        <v>16</v>
      </c>
      <c r="D26" s="34">
        <v>1</v>
      </c>
      <c r="E26" s="34">
        <v>1</v>
      </c>
      <c r="F26" s="25">
        <f>D26*E26</f>
        <v>1</v>
      </c>
    </row>
    <row r="27" spans="1:6" ht="18" customHeight="1">
      <c r="A27" s="22" t="s">
        <v>17</v>
      </c>
      <c r="B27" s="5"/>
      <c r="C27" s="5"/>
      <c r="D27" s="13"/>
      <c r="E27" s="13"/>
      <c r="F27" s="14"/>
    </row>
    <row r="28" spans="1:6" ht="27.95" customHeight="1">
      <c r="A28" s="21" t="s">
        <v>17</v>
      </c>
      <c r="B28" s="5"/>
      <c r="C28" s="5"/>
      <c r="D28" s="34">
        <v>1</v>
      </c>
      <c r="E28" s="34">
        <v>1</v>
      </c>
      <c r="F28" s="25">
        <f t="shared" ref="F28:F29" si="2">D28*E28</f>
        <v>1</v>
      </c>
    </row>
    <row r="29" spans="1:6" ht="27.95" customHeight="1">
      <c r="A29" s="21" t="s">
        <v>17</v>
      </c>
      <c r="B29" s="5"/>
      <c r="C29" s="5"/>
      <c r="D29" s="34">
        <v>1</v>
      </c>
      <c r="E29" s="34">
        <v>1</v>
      </c>
      <c r="F29" s="25">
        <f t="shared" si="2"/>
        <v>1</v>
      </c>
    </row>
    <row r="30" spans="1:6" ht="18" customHeight="1">
      <c r="A30" s="22" t="s">
        <v>18</v>
      </c>
      <c r="B30" s="5"/>
      <c r="C30" s="5"/>
      <c r="D30" s="13"/>
      <c r="E30" s="13"/>
      <c r="F30" s="14"/>
    </row>
    <row r="31" spans="1:6" ht="27.95" customHeight="1" thickBot="1">
      <c r="A31" s="23" t="s">
        <v>18</v>
      </c>
      <c r="B31" s="24"/>
      <c r="C31" s="24"/>
      <c r="D31" s="15"/>
      <c r="E31" s="15"/>
      <c r="F31" s="16"/>
    </row>
    <row r="32" spans="1:6" ht="14.45" thickBot="1"/>
    <row r="33" spans="1:6" ht="18" customHeight="1">
      <c r="A33" s="20" t="s">
        <v>3</v>
      </c>
      <c r="B33" s="38" t="s">
        <v>4</v>
      </c>
      <c r="C33" s="39"/>
      <c r="D33" s="40" t="s">
        <v>5</v>
      </c>
      <c r="E33" s="41"/>
      <c r="F33" s="42"/>
    </row>
    <row r="34" spans="1:6" ht="27.95" customHeight="1">
      <c r="A34" s="21" t="s">
        <v>6</v>
      </c>
      <c r="B34" s="43" t="s">
        <v>19</v>
      </c>
      <c r="C34" s="44"/>
      <c r="D34" s="35" t="s">
        <v>8</v>
      </c>
      <c r="E34" s="36"/>
      <c r="F34" s="37"/>
    </row>
    <row r="35" spans="1:6" ht="18" customHeight="1">
      <c r="A35" s="22" t="s">
        <v>9</v>
      </c>
      <c r="B35" s="6" t="s">
        <v>10</v>
      </c>
      <c r="C35" s="6" t="s">
        <v>11</v>
      </c>
      <c r="D35" s="7" t="s">
        <v>12</v>
      </c>
      <c r="E35" s="7" t="s">
        <v>13</v>
      </c>
      <c r="F35" s="8" t="s">
        <v>14</v>
      </c>
    </row>
    <row r="36" spans="1:6" ht="42">
      <c r="A36" s="21" t="s">
        <v>9</v>
      </c>
      <c r="B36" s="5" t="s">
        <v>15</v>
      </c>
      <c r="C36" s="5" t="s">
        <v>16</v>
      </c>
      <c r="D36" s="34">
        <v>5</v>
      </c>
      <c r="E36" s="34">
        <v>1</v>
      </c>
      <c r="F36" s="25">
        <f>D36*E36</f>
        <v>5</v>
      </c>
    </row>
    <row r="37" spans="1:6" ht="18" customHeight="1">
      <c r="A37" s="22" t="s">
        <v>17</v>
      </c>
      <c r="B37" s="5"/>
      <c r="C37" s="5"/>
      <c r="D37" s="13"/>
      <c r="E37" s="13"/>
      <c r="F37" s="14"/>
    </row>
    <row r="38" spans="1:6" ht="27.95" customHeight="1">
      <c r="A38" s="21" t="s">
        <v>17</v>
      </c>
      <c r="B38" s="5"/>
      <c r="C38" s="5"/>
      <c r="D38" s="34">
        <v>5</v>
      </c>
      <c r="E38" s="34">
        <v>4</v>
      </c>
      <c r="F38" s="25">
        <f t="shared" ref="F38:F39" si="3">D38*E38</f>
        <v>20</v>
      </c>
    </row>
    <row r="39" spans="1:6" ht="27.95" customHeight="1">
      <c r="A39" s="21" t="s">
        <v>17</v>
      </c>
      <c r="B39" s="5"/>
      <c r="C39" s="5"/>
      <c r="D39" s="34">
        <v>1</v>
      </c>
      <c r="E39" s="34">
        <v>1</v>
      </c>
      <c r="F39" s="25">
        <f t="shared" si="3"/>
        <v>1</v>
      </c>
    </row>
    <row r="40" spans="1:6" ht="18" customHeight="1">
      <c r="A40" s="22" t="s">
        <v>18</v>
      </c>
      <c r="B40" s="5"/>
      <c r="C40" s="5"/>
      <c r="D40" s="13"/>
      <c r="E40" s="13"/>
      <c r="F40" s="14"/>
    </row>
    <row r="41" spans="1:6" ht="27.95" customHeight="1" thickBot="1">
      <c r="A41" s="23" t="s">
        <v>18</v>
      </c>
      <c r="B41" s="24"/>
      <c r="C41" s="24"/>
      <c r="D41" s="15"/>
      <c r="E41" s="15"/>
      <c r="F41" s="16"/>
    </row>
    <row r="42" spans="1:6" ht="14.45" thickBot="1"/>
    <row r="43" spans="1:6" ht="18" customHeight="1">
      <c r="A43" s="20" t="s">
        <v>3</v>
      </c>
      <c r="B43" s="38" t="s">
        <v>4</v>
      </c>
      <c r="C43" s="39"/>
      <c r="D43" s="40" t="s">
        <v>5</v>
      </c>
      <c r="E43" s="41"/>
      <c r="F43" s="42"/>
    </row>
    <row r="44" spans="1:6" ht="27.95" customHeight="1">
      <c r="A44" s="21" t="s">
        <v>6</v>
      </c>
      <c r="B44" s="43" t="s">
        <v>7</v>
      </c>
      <c r="C44" s="44"/>
      <c r="D44" s="35" t="s">
        <v>8</v>
      </c>
      <c r="E44" s="36"/>
      <c r="F44" s="37"/>
    </row>
    <row r="45" spans="1:6" ht="18" customHeight="1">
      <c r="A45" s="22" t="s">
        <v>9</v>
      </c>
      <c r="B45" s="6" t="s">
        <v>10</v>
      </c>
      <c r="C45" s="6" t="s">
        <v>11</v>
      </c>
      <c r="D45" s="7" t="s">
        <v>12</v>
      </c>
      <c r="E45" s="7" t="s">
        <v>13</v>
      </c>
      <c r="F45" s="8" t="s">
        <v>14</v>
      </c>
    </row>
    <row r="46" spans="1:6" ht="42">
      <c r="A46" s="21" t="s">
        <v>9</v>
      </c>
      <c r="B46" s="5" t="s">
        <v>15</v>
      </c>
      <c r="C46" s="5" t="s">
        <v>16</v>
      </c>
      <c r="D46" s="34">
        <v>1</v>
      </c>
      <c r="E46" s="34">
        <v>1</v>
      </c>
      <c r="F46" s="25">
        <f>D46*E46</f>
        <v>1</v>
      </c>
    </row>
    <row r="47" spans="1:6" ht="18" customHeight="1">
      <c r="A47" s="22" t="s">
        <v>17</v>
      </c>
      <c r="B47" s="5"/>
      <c r="C47" s="5"/>
      <c r="D47" s="13"/>
      <c r="E47" s="13"/>
      <c r="F47" s="14"/>
    </row>
    <row r="48" spans="1:6" ht="27.95" customHeight="1">
      <c r="A48" s="21" t="s">
        <v>17</v>
      </c>
      <c r="B48" s="5"/>
      <c r="C48" s="5"/>
      <c r="D48" s="34">
        <v>1</v>
      </c>
      <c r="E48" s="34">
        <v>1</v>
      </c>
      <c r="F48" s="25">
        <f t="shared" ref="F48:F49" si="4">D48*E48</f>
        <v>1</v>
      </c>
    </row>
    <row r="49" spans="1:6" ht="27.95" customHeight="1">
      <c r="A49" s="21" t="s">
        <v>17</v>
      </c>
      <c r="B49" s="5"/>
      <c r="C49" s="5"/>
      <c r="D49" s="34">
        <v>1</v>
      </c>
      <c r="E49" s="34">
        <v>1</v>
      </c>
      <c r="F49" s="25">
        <f t="shared" si="4"/>
        <v>1</v>
      </c>
    </row>
    <row r="50" spans="1:6" ht="18" customHeight="1">
      <c r="A50" s="22" t="s">
        <v>18</v>
      </c>
      <c r="B50" s="5"/>
      <c r="C50" s="5"/>
      <c r="D50" s="13"/>
      <c r="E50" s="13"/>
      <c r="F50" s="14"/>
    </row>
    <row r="51" spans="1:6" ht="27.95" customHeight="1" thickBot="1">
      <c r="A51" s="23" t="s">
        <v>18</v>
      </c>
      <c r="B51" s="24"/>
      <c r="C51" s="24"/>
      <c r="D51" s="15"/>
      <c r="E51" s="15"/>
      <c r="F51" s="16"/>
    </row>
  </sheetData>
  <mergeCells count="21">
    <mergeCell ref="B43:C43"/>
    <mergeCell ref="D43:F43"/>
    <mergeCell ref="B44:C44"/>
    <mergeCell ref="D44:F44"/>
    <mergeCell ref="E1:F1"/>
    <mergeCell ref="B23:C23"/>
    <mergeCell ref="D23:F23"/>
    <mergeCell ref="B24:C24"/>
    <mergeCell ref="D24:F24"/>
    <mergeCell ref="B33:C33"/>
    <mergeCell ref="D33:F33"/>
    <mergeCell ref="B14:C14"/>
    <mergeCell ref="D14:F14"/>
    <mergeCell ref="B3:C3"/>
    <mergeCell ref="B4:C4"/>
    <mergeCell ref="D3:F3"/>
    <mergeCell ref="D4:F4"/>
    <mergeCell ref="B13:C13"/>
    <mergeCell ref="D13:F13"/>
    <mergeCell ref="B34:C34"/>
    <mergeCell ref="D34:F34"/>
  </mergeCells>
  <conditionalFormatting sqref="F36">
    <cfRule type="cellIs" dxfId="29" priority="37" operator="greaterThan">
      <formula>19</formula>
    </cfRule>
    <cfRule type="cellIs" dxfId="28" priority="38" operator="between">
      <formula>5</formula>
      <formula>16</formula>
    </cfRule>
    <cfRule type="cellIs" dxfId="27" priority="39" operator="lessThan">
      <formula>5</formula>
    </cfRule>
  </conditionalFormatting>
  <conditionalFormatting sqref="F38:F39">
    <cfRule type="cellIs" dxfId="26" priority="25" operator="greaterThan">
      <formula>19</formula>
    </cfRule>
    <cfRule type="cellIs" dxfId="25" priority="26" operator="between">
      <formula>5</formula>
      <formula>16</formula>
    </cfRule>
    <cfRule type="cellIs" dxfId="24" priority="27" operator="lessThan">
      <formula>5</formula>
    </cfRule>
  </conditionalFormatting>
  <conditionalFormatting sqref="F46">
    <cfRule type="cellIs" dxfId="23" priority="22" operator="greaterThan">
      <formula>19</formula>
    </cfRule>
    <cfRule type="cellIs" dxfId="22" priority="23" operator="between">
      <formula>5</formula>
      <formula>16</formula>
    </cfRule>
    <cfRule type="cellIs" dxfId="21" priority="24" operator="lessThan">
      <formula>5</formula>
    </cfRule>
  </conditionalFormatting>
  <conditionalFormatting sqref="F48:F49">
    <cfRule type="cellIs" dxfId="20" priority="19" operator="greaterThan">
      <formula>19</formula>
    </cfRule>
    <cfRule type="cellIs" dxfId="19" priority="20" operator="between">
      <formula>5</formula>
      <formula>16</formula>
    </cfRule>
    <cfRule type="cellIs" dxfId="18" priority="21" operator="lessThan">
      <formula>5</formula>
    </cfRule>
  </conditionalFormatting>
  <conditionalFormatting sqref="F28:F29">
    <cfRule type="cellIs" dxfId="17" priority="16" operator="greaterThan">
      <formula>19</formula>
    </cfRule>
    <cfRule type="cellIs" dxfId="16" priority="17" operator="between">
      <formula>5</formula>
      <formula>16</formula>
    </cfRule>
    <cfRule type="cellIs" dxfId="15" priority="18" operator="lessThan">
      <formula>5</formula>
    </cfRule>
  </conditionalFormatting>
  <conditionalFormatting sqref="F26">
    <cfRule type="cellIs" dxfId="14" priority="13" operator="greaterThan">
      <formula>19</formula>
    </cfRule>
    <cfRule type="cellIs" dxfId="13" priority="14" operator="between">
      <formula>5</formula>
      <formula>16</formula>
    </cfRule>
    <cfRule type="cellIs" dxfId="12" priority="15" operator="lessThan">
      <formula>5</formula>
    </cfRule>
  </conditionalFormatting>
  <conditionalFormatting sqref="F18:F19">
    <cfRule type="cellIs" dxfId="11" priority="10" operator="greaterThan">
      <formula>19</formula>
    </cfRule>
    <cfRule type="cellIs" dxfId="10" priority="11" operator="between">
      <formula>5</formula>
      <formula>16</formula>
    </cfRule>
    <cfRule type="cellIs" dxfId="9" priority="12" operator="lessThan">
      <formula>5</formula>
    </cfRule>
  </conditionalFormatting>
  <conditionalFormatting sqref="F16">
    <cfRule type="cellIs" dxfId="8" priority="7" operator="greaterThan">
      <formula>19</formula>
    </cfRule>
    <cfRule type="cellIs" dxfId="7" priority="8" operator="between">
      <formula>5</formula>
      <formula>16</formula>
    </cfRule>
    <cfRule type="cellIs" dxfId="6" priority="9" operator="lessThan">
      <formula>5</formula>
    </cfRule>
  </conditionalFormatting>
  <conditionalFormatting sqref="F8:F9">
    <cfRule type="cellIs" dxfId="5" priority="4" operator="greaterThan">
      <formula>19</formula>
    </cfRule>
    <cfRule type="cellIs" dxfId="4" priority="5" operator="between">
      <formula>5</formula>
      <formula>16</formula>
    </cfRule>
    <cfRule type="cellIs" dxfId="3" priority="6" operator="lessThan">
      <formula>5</formula>
    </cfRule>
  </conditionalFormatting>
  <conditionalFormatting sqref="F6">
    <cfRule type="cellIs" dxfId="2" priority="1" operator="greaterThan">
      <formula>19</formula>
    </cfRule>
    <cfRule type="cellIs" dxfId="1" priority="2" operator="between">
      <formula>5</formula>
      <formula>16</formula>
    </cfRule>
    <cfRule type="cellIs" dxfId="0" priority="3" operator="lessThan">
      <formula>5</formula>
    </cfRule>
  </conditionalFormatting>
  <pageMargins left="0.25" right="0.25" top="0.75" bottom="0.75" header="0.3" footer="0.3"/>
  <pageSetup paperSize="9" fitToHeight="0" orientation="landscape" r:id="rId1"/>
  <extLst>
    <ext xmlns:x14="http://schemas.microsoft.com/office/spreadsheetml/2009/9/main" uri="{CCE6A557-97BC-4b89-ADB6-D9C93CAAB3DF}">
      <x14:dataValidations xmlns:xm="http://schemas.microsoft.com/office/excel/2006/main" count="1">
        <x14:dataValidation type="list" allowBlank="1" showInputMessage="1" showErrorMessage="1" xr:uid="{1CB7DB6E-E636-4EB1-8E78-37665DB72EC2}">
          <x14:formula1>
            <xm:f>Risikoprofil!$B$13:$B$17</xm:f>
          </x14:formula1>
          <xm:sqref>D6:E6 D8:E9 D16:E16 D18:E19 D26:E26 D28:E29 D36:E36 D38:E39 D46:E46 D48:E49</xm:sqref>
        </x14:dataValidation>
      </x14:dataValidations>
    </ext>
  </extLst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dimension ref="B2:D55"/>
  <sheetViews>
    <sheetView showGridLines="0" tabSelected="1" topLeftCell="A42" zoomScaleNormal="100" workbookViewId="0">
      <selection activeCell="D59" sqref="D59"/>
    </sheetView>
  </sheetViews>
  <sheetFormatPr defaultRowHeight="14.45"/>
  <cols>
    <col min="2" max="2" width="5.85546875" customWidth="1"/>
    <col min="3" max="3" width="21.140625" customWidth="1"/>
    <col min="4" max="4" width="82" customWidth="1"/>
  </cols>
  <sheetData>
    <row r="2" spans="2:4" ht="21.75" customHeight="1">
      <c r="B2" s="51" t="s">
        <v>20</v>
      </c>
      <c r="C2" s="51"/>
      <c r="D2" s="51"/>
    </row>
    <row r="3" spans="2:4" ht="33.6" customHeight="1">
      <c r="B3" s="52" t="s">
        <v>21</v>
      </c>
      <c r="C3" s="52"/>
      <c r="D3" s="52"/>
    </row>
    <row r="4" spans="2:4" ht="30" customHeight="1">
      <c r="B4" s="52" t="s">
        <v>22</v>
      </c>
      <c r="C4" s="52"/>
      <c r="D4" s="52"/>
    </row>
    <row r="5" spans="2:4">
      <c r="B5" s="9"/>
    </row>
    <row r="6" spans="2:4">
      <c r="B6" s="9" t="s">
        <v>23</v>
      </c>
    </row>
    <row r="7" spans="2:4">
      <c r="B7" s="31">
        <v>1</v>
      </c>
      <c r="C7" s="31" t="s">
        <v>24</v>
      </c>
      <c r="D7" s="31" t="s">
        <v>25</v>
      </c>
    </row>
    <row r="8" spans="2:4">
      <c r="B8" s="31">
        <v>2</v>
      </c>
      <c r="C8" s="31" t="s">
        <v>26</v>
      </c>
      <c r="D8" s="31" t="s">
        <v>27</v>
      </c>
    </row>
    <row r="9" spans="2:4">
      <c r="B9" s="31">
        <v>3</v>
      </c>
      <c r="C9" s="31" t="s">
        <v>28</v>
      </c>
      <c r="D9" s="31" t="s">
        <v>29</v>
      </c>
    </row>
    <row r="10" spans="2:4">
      <c r="B10" s="31">
        <v>4</v>
      </c>
      <c r="C10" s="31" t="s">
        <v>30</v>
      </c>
      <c r="D10" s="31" t="s">
        <v>31</v>
      </c>
    </row>
    <row r="11" spans="2:4">
      <c r="B11" s="31">
        <v>5</v>
      </c>
      <c r="C11" s="31" t="s">
        <v>32</v>
      </c>
      <c r="D11" s="31" t="s">
        <v>33</v>
      </c>
    </row>
    <row r="12" spans="2:4">
      <c r="B12" s="9"/>
    </row>
    <row r="13" spans="2:4">
      <c r="B13" s="9" t="s">
        <v>34</v>
      </c>
    </row>
    <row r="14" spans="2:4">
      <c r="B14" s="31">
        <v>1</v>
      </c>
      <c r="C14" s="31" t="s">
        <v>35</v>
      </c>
      <c r="D14" s="31" t="s">
        <v>36</v>
      </c>
    </row>
    <row r="15" spans="2:4">
      <c r="B15" s="50">
        <v>2</v>
      </c>
      <c r="C15" s="50" t="s">
        <v>37</v>
      </c>
      <c r="D15" s="31" t="s">
        <v>38</v>
      </c>
    </row>
    <row r="16" spans="2:4">
      <c r="B16" s="50"/>
      <c r="C16" s="50"/>
      <c r="D16" s="31" t="s">
        <v>39</v>
      </c>
    </row>
    <row r="17" spans="2:4">
      <c r="B17" s="50"/>
      <c r="C17" s="50"/>
      <c r="D17" s="31" t="s">
        <v>40</v>
      </c>
    </row>
    <row r="18" spans="2:4">
      <c r="B18" s="50"/>
      <c r="C18" s="50"/>
      <c r="D18" s="31" t="s">
        <v>41</v>
      </c>
    </row>
    <row r="19" spans="2:4">
      <c r="B19" s="50"/>
      <c r="C19" s="50"/>
      <c r="D19" s="31" t="s">
        <v>42</v>
      </c>
    </row>
    <row r="20" spans="2:4" ht="27.95">
      <c r="B20" s="50"/>
      <c r="C20" s="50"/>
      <c r="D20" s="31" t="s">
        <v>43</v>
      </c>
    </row>
    <row r="21" spans="2:4">
      <c r="B21" s="50">
        <v>3</v>
      </c>
      <c r="C21" s="50" t="s">
        <v>44</v>
      </c>
      <c r="D21" s="31" t="s">
        <v>45</v>
      </c>
    </row>
    <row r="22" spans="2:4">
      <c r="B22" s="50"/>
      <c r="C22" s="50"/>
      <c r="D22" s="31" t="s">
        <v>46</v>
      </c>
    </row>
    <row r="23" spans="2:4">
      <c r="B23" s="50"/>
      <c r="C23" s="50"/>
      <c r="D23" s="31" t="s">
        <v>47</v>
      </c>
    </row>
    <row r="24" spans="2:4">
      <c r="B24" s="50"/>
      <c r="C24" s="50"/>
      <c r="D24" s="31" t="s">
        <v>48</v>
      </c>
    </row>
    <row r="25" spans="2:4">
      <c r="B25" s="50"/>
      <c r="C25" s="50"/>
      <c r="D25" s="31" t="s">
        <v>49</v>
      </c>
    </row>
    <row r="26" spans="2:4">
      <c r="B26" s="50"/>
      <c r="C26" s="50"/>
      <c r="D26" s="31" t="s">
        <v>50</v>
      </c>
    </row>
    <row r="27" spans="2:4">
      <c r="B27" s="50">
        <v>4</v>
      </c>
      <c r="C27" s="50" t="s">
        <v>51</v>
      </c>
      <c r="D27" s="31" t="s">
        <v>52</v>
      </c>
    </row>
    <row r="28" spans="2:4">
      <c r="B28" s="50"/>
      <c r="C28" s="50"/>
      <c r="D28" s="31" t="s">
        <v>53</v>
      </c>
    </row>
    <row r="29" spans="2:4">
      <c r="B29" s="50"/>
      <c r="C29" s="50"/>
      <c r="D29" s="31" t="s">
        <v>54</v>
      </c>
    </row>
    <row r="30" spans="2:4">
      <c r="B30" s="50"/>
      <c r="C30" s="50"/>
      <c r="D30" s="31" t="s">
        <v>55</v>
      </c>
    </row>
    <row r="31" spans="2:4">
      <c r="B31" s="50"/>
      <c r="C31" s="50"/>
      <c r="D31" s="31" t="s">
        <v>56</v>
      </c>
    </row>
    <row r="32" spans="2:4">
      <c r="B32" s="50"/>
      <c r="C32" s="50"/>
      <c r="D32" s="31" t="s">
        <v>57</v>
      </c>
    </row>
    <row r="33" spans="2:4" ht="27.95">
      <c r="B33" s="50"/>
      <c r="C33" s="50"/>
      <c r="D33" s="31" t="s">
        <v>58</v>
      </c>
    </row>
    <row r="34" spans="2:4">
      <c r="B34" s="50">
        <v>5</v>
      </c>
      <c r="C34" s="50" t="s">
        <v>59</v>
      </c>
      <c r="D34" s="31" t="s">
        <v>60</v>
      </c>
    </row>
    <row r="35" spans="2:4">
      <c r="B35" s="50"/>
      <c r="C35" s="50"/>
      <c r="D35" s="31" t="s">
        <v>53</v>
      </c>
    </row>
    <row r="36" spans="2:4">
      <c r="B36" s="50"/>
      <c r="C36" s="50"/>
      <c r="D36" s="31" t="s">
        <v>54</v>
      </c>
    </row>
    <row r="37" spans="2:4">
      <c r="B37" s="50"/>
      <c r="C37" s="50"/>
      <c r="D37" s="31" t="s">
        <v>61</v>
      </c>
    </row>
    <row r="38" spans="2:4">
      <c r="B38" s="50"/>
      <c r="C38" s="50"/>
      <c r="D38" s="31" t="s">
        <v>62</v>
      </c>
    </row>
    <row r="39" spans="2:4">
      <c r="B39" s="50"/>
      <c r="C39" s="50"/>
      <c r="D39" s="31" t="s">
        <v>63</v>
      </c>
    </row>
    <row r="40" spans="2:4" ht="27.95">
      <c r="B40" s="50"/>
      <c r="C40" s="50"/>
      <c r="D40" s="31" t="s">
        <v>64</v>
      </c>
    </row>
    <row r="41" spans="2:4">
      <c r="B41" s="33"/>
      <c r="C41" s="33"/>
      <c r="D41" s="33"/>
    </row>
    <row r="42" spans="2:4">
      <c r="B42" s="9" t="s">
        <v>65</v>
      </c>
    </row>
    <row r="43" spans="2:4">
      <c r="B43" s="46" t="s">
        <v>66</v>
      </c>
      <c r="C43" s="47" t="s">
        <v>67</v>
      </c>
      <c r="D43" s="10" t="s">
        <v>68</v>
      </c>
    </row>
    <row r="44" spans="2:4">
      <c r="B44" s="46"/>
      <c r="C44" s="47"/>
      <c r="D44" s="11" t="s">
        <v>69</v>
      </c>
    </row>
    <row r="45" spans="2:4">
      <c r="B45" s="46"/>
      <c r="C45" s="47"/>
      <c r="D45" s="11" t="s">
        <v>70</v>
      </c>
    </row>
    <row r="46" spans="2:4">
      <c r="B46" s="46"/>
      <c r="C46" s="47"/>
      <c r="D46" s="11" t="s">
        <v>71</v>
      </c>
    </row>
    <row r="47" spans="2:4">
      <c r="B47" s="48" t="s">
        <v>72</v>
      </c>
      <c r="C47" s="47" t="s">
        <v>73</v>
      </c>
      <c r="D47" s="10" t="s">
        <v>74</v>
      </c>
    </row>
    <row r="48" spans="2:4">
      <c r="B48" s="48"/>
      <c r="C48" s="47"/>
      <c r="D48" s="11" t="s">
        <v>75</v>
      </c>
    </row>
    <row r="49" spans="2:4" ht="29.25">
      <c r="B49" s="48"/>
      <c r="C49" s="47"/>
      <c r="D49" s="11" t="s">
        <v>76</v>
      </c>
    </row>
    <row r="50" spans="2:4" ht="15">
      <c r="B50" s="48"/>
      <c r="C50" s="47"/>
      <c r="D50" s="11" t="s">
        <v>77</v>
      </c>
    </row>
    <row r="51" spans="2:4" ht="29.25">
      <c r="B51" s="48"/>
      <c r="C51" s="47"/>
      <c r="D51" s="11" t="s">
        <v>78</v>
      </c>
    </row>
    <row r="52" spans="2:4">
      <c r="B52" s="48"/>
      <c r="C52" s="47"/>
      <c r="D52" s="11" t="s">
        <v>79</v>
      </c>
    </row>
    <row r="53" spans="2:4">
      <c r="B53" s="49" t="s">
        <v>80</v>
      </c>
      <c r="C53" s="47" t="s">
        <v>81</v>
      </c>
      <c r="D53" s="10" t="s">
        <v>82</v>
      </c>
    </row>
    <row r="54" spans="2:4">
      <c r="B54" s="49"/>
      <c r="C54" s="47"/>
      <c r="D54" s="11" t="s">
        <v>83</v>
      </c>
    </row>
    <row r="55" spans="2:4">
      <c r="B55" s="49"/>
      <c r="C55" s="47"/>
      <c r="D55" s="12" t="s">
        <v>84</v>
      </c>
    </row>
  </sheetData>
  <mergeCells count="17">
    <mergeCell ref="B2:D2"/>
    <mergeCell ref="B3:D3"/>
    <mergeCell ref="B4:D4"/>
    <mergeCell ref="B34:B40"/>
    <mergeCell ref="C34:C40"/>
    <mergeCell ref="B15:B20"/>
    <mergeCell ref="C15:C20"/>
    <mergeCell ref="B21:B26"/>
    <mergeCell ref="C21:C26"/>
    <mergeCell ref="B27:B33"/>
    <mergeCell ref="C27:C33"/>
    <mergeCell ref="B43:B46"/>
    <mergeCell ref="C43:C46"/>
    <mergeCell ref="B47:B52"/>
    <mergeCell ref="C47:C52"/>
    <mergeCell ref="B53:B55"/>
    <mergeCell ref="C53:C55"/>
  </mergeCells>
  <pageMargins left="0.7" right="0.7" top="0.75" bottom="0.75" header="0.3" footer="0.3"/>
  <pageSetup paperSize="9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200-000000000000}">
  <dimension ref="B2:H17"/>
  <sheetViews>
    <sheetView showGridLines="0" workbookViewId="0">
      <selection activeCell="I16" sqref="I16"/>
    </sheetView>
  </sheetViews>
  <sheetFormatPr defaultRowHeight="14.45"/>
  <sheetData>
    <row r="2" spans="2:8">
      <c r="B2" s="29" t="s">
        <v>85</v>
      </c>
      <c r="C2" s="29"/>
      <c r="D2" s="29"/>
      <c r="E2" s="29"/>
      <c r="F2" s="29"/>
      <c r="G2" s="29"/>
      <c r="H2" s="29"/>
    </row>
    <row r="3" spans="2:8">
      <c r="B3" s="29"/>
      <c r="C3" s="29"/>
      <c r="D3" s="53" t="s">
        <v>13</v>
      </c>
      <c r="E3" s="53"/>
      <c r="F3" s="53"/>
      <c r="G3" s="53"/>
      <c r="H3" s="53"/>
    </row>
    <row r="4" spans="2:8">
      <c r="B4" s="29"/>
      <c r="C4" s="30"/>
      <c r="D4" s="32">
        <v>1</v>
      </c>
      <c r="E4" s="32">
        <v>2</v>
      </c>
      <c r="F4" s="32">
        <v>3</v>
      </c>
      <c r="G4" s="32">
        <v>4</v>
      </c>
      <c r="H4" s="32">
        <v>5</v>
      </c>
    </row>
    <row r="5" spans="2:8">
      <c r="B5" s="54"/>
      <c r="C5" s="32">
        <v>5</v>
      </c>
      <c r="D5" s="27">
        <v>5</v>
      </c>
      <c r="E5" s="27">
        <v>10</v>
      </c>
      <c r="F5" s="27">
        <v>15</v>
      </c>
      <c r="G5" s="28">
        <v>20</v>
      </c>
      <c r="H5" s="28">
        <v>25</v>
      </c>
    </row>
    <row r="6" spans="2:8">
      <c r="B6" s="54"/>
      <c r="C6" s="32">
        <v>4</v>
      </c>
      <c r="D6" s="26">
        <v>4</v>
      </c>
      <c r="E6" s="27">
        <v>8</v>
      </c>
      <c r="F6" s="27">
        <v>12</v>
      </c>
      <c r="G6" s="27">
        <v>16</v>
      </c>
      <c r="H6" s="28">
        <v>20</v>
      </c>
    </row>
    <row r="7" spans="2:8">
      <c r="B7" s="54"/>
      <c r="C7" s="32">
        <v>3</v>
      </c>
      <c r="D7" s="26">
        <v>3</v>
      </c>
      <c r="E7" s="27">
        <v>6</v>
      </c>
      <c r="F7" s="27">
        <v>9</v>
      </c>
      <c r="G7" s="27">
        <v>12</v>
      </c>
      <c r="H7" s="27">
        <v>15</v>
      </c>
    </row>
    <row r="8" spans="2:8">
      <c r="B8" s="54"/>
      <c r="C8" s="32">
        <v>2</v>
      </c>
      <c r="D8" s="26">
        <v>2</v>
      </c>
      <c r="E8" s="26">
        <v>4</v>
      </c>
      <c r="F8" s="26">
        <v>6</v>
      </c>
      <c r="G8" s="27">
        <v>8</v>
      </c>
      <c r="H8" s="27">
        <v>10</v>
      </c>
    </row>
    <row r="9" spans="2:8">
      <c r="B9" s="54"/>
      <c r="C9" s="32">
        <v>1</v>
      </c>
      <c r="D9" s="26">
        <v>1</v>
      </c>
      <c r="E9" s="26">
        <v>2</v>
      </c>
      <c r="F9" s="26">
        <v>3</v>
      </c>
      <c r="G9" s="26">
        <v>4</v>
      </c>
      <c r="H9" s="27">
        <v>5</v>
      </c>
    </row>
    <row r="10" spans="2:8">
      <c r="B10" s="2"/>
      <c r="C10" s="2"/>
      <c r="D10" s="2"/>
      <c r="E10" s="2"/>
      <c r="F10" s="2"/>
      <c r="G10" s="2"/>
      <c r="H10" s="2"/>
    </row>
    <row r="11" spans="2:8">
      <c r="B11" s="2"/>
      <c r="C11" s="2"/>
      <c r="D11" s="2"/>
      <c r="E11" s="2"/>
      <c r="F11" s="2"/>
      <c r="G11" s="2"/>
      <c r="H11" s="2"/>
    </row>
    <row r="12" spans="2:8">
      <c r="B12" s="2" t="s">
        <v>86</v>
      </c>
      <c r="C12" s="2"/>
      <c r="D12" s="2"/>
      <c r="E12" s="2"/>
      <c r="F12" s="2"/>
      <c r="G12" s="2"/>
      <c r="H12" s="2"/>
    </row>
    <row r="13" spans="2:8">
      <c r="B13" s="2">
        <v>1</v>
      </c>
      <c r="C13" s="2"/>
      <c r="D13" s="2"/>
      <c r="E13" s="2"/>
      <c r="F13" s="2"/>
      <c r="G13" s="2"/>
      <c r="H13" s="2"/>
    </row>
    <row r="14" spans="2:8">
      <c r="B14" s="2">
        <v>2</v>
      </c>
      <c r="C14" s="2"/>
      <c r="D14" s="2"/>
      <c r="E14" s="2"/>
      <c r="F14" s="2"/>
      <c r="G14" s="2"/>
      <c r="H14" s="2"/>
    </row>
    <row r="15" spans="2:8">
      <c r="B15" s="2">
        <v>3</v>
      </c>
      <c r="C15" s="2"/>
      <c r="D15" s="2"/>
      <c r="E15" s="2"/>
      <c r="F15" s="2"/>
      <c r="G15" s="2"/>
      <c r="H15" s="2"/>
    </row>
    <row r="16" spans="2:8">
      <c r="B16" s="2">
        <v>4</v>
      </c>
      <c r="C16" s="2"/>
      <c r="D16" s="2"/>
      <c r="E16" s="2"/>
      <c r="F16" s="2"/>
      <c r="G16" s="2"/>
      <c r="H16" s="2"/>
    </row>
    <row r="17" spans="2:8">
      <c r="B17" s="2">
        <v>5</v>
      </c>
      <c r="C17" s="2"/>
      <c r="D17" s="2"/>
      <c r="E17" s="2"/>
      <c r="F17" s="2"/>
      <c r="G17" s="2"/>
      <c r="H17" s="2"/>
    </row>
  </sheetData>
  <mergeCells count="2">
    <mergeCell ref="D3:H3"/>
    <mergeCell ref="B5:B9"/>
  </mergeCells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4b2f0e69-b7c6-41a3-a60a-075a4fbf888b">
      <Terms xmlns="http://schemas.microsoft.com/office/infopath/2007/PartnerControls"/>
    </lcf76f155ced4ddcb4097134ff3c332f>
    <TaxCatchAll xmlns="1521132f-ad8a-46a3-86d4-f8004e0ffac8" xsi:nil="true"/>
  </documentManagement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4D6E353CB8C884880DCA1FFB8CDA829" ma:contentTypeVersion="10" ma:contentTypeDescription="Opret et nyt dokument." ma:contentTypeScope="" ma:versionID="5775b7cf4eb17fd804a191c4e87845b9">
  <xsd:schema xmlns:xsd="http://www.w3.org/2001/XMLSchema" xmlns:xs="http://www.w3.org/2001/XMLSchema" xmlns:p="http://schemas.microsoft.com/office/2006/metadata/properties" xmlns:ns2="4b2f0e69-b7c6-41a3-a60a-075a4fbf888b" xmlns:ns3="1521132f-ad8a-46a3-86d4-f8004e0ffac8" targetNamespace="http://schemas.microsoft.com/office/2006/metadata/properties" ma:root="true" ma:fieldsID="e9c1c45c8d65b1e6579b043bdf1f483d" ns2:_="" ns3:_="">
    <xsd:import namespace="4b2f0e69-b7c6-41a3-a60a-075a4fbf888b"/>
    <xsd:import namespace="1521132f-ad8a-46a3-86d4-f8004e0ffac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b2f0e69-b7c6-41a3-a60a-075a4fbf888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521132f-ad8a-46a3-86d4-f8004e0ffac8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060c25f4-5945-428d-aff6-31cf6e2f6bf9}" ma:internalName="TaxCatchAll" ma:showField="CatchAllData" ma:web="1521132f-ad8a-46a3-86d4-f8004e0ffac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C777894F-95E0-47E8-843A-71376C347674}"/>
</file>

<file path=customXml/itemProps2.xml><?xml version="1.0" encoding="utf-8"?>
<ds:datastoreItem xmlns:ds="http://schemas.openxmlformats.org/officeDocument/2006/customXml" ds:itemID="{B7CE8A32-ECA1-42D4-92A5-9079A3D99C2E}"/>
</file>

<file path=customXml/itemProps3.xml><?xml version="1.0" encoding="utf-8"?>
<ds:datastoreItem xmlns:ds="http://schemas.openxmlformats.org/officeDocument/2006/customXml" ds:itemID="{8601BFED-2A8B-4C93-8CF4-C857F0F5922B}"/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 Online</Application>
  <Manager/>
  <Company>Syddansk Unversitet - University of Southern Denmark</Company>
  <HyperlinkBase/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ouise Thorbek Andersen</dc:creator>
  <cp:keywords/>
  <dc:description/>
  <cp:lastModifiedBy/>
  <cp:revision/>
  <dcterms:created xsi:type="dcterms:W3CDTF">2013-10-14T12:26:03Z</dcterms:created>
  <dcterms:modified xsi:type="dcterms:W3CDTF">2023-02-23T08:42:58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TemplafyUserProfileId">
    <vt:lpwstr>637830413936215851</vt:lpwstr>
  </property>
  <property fmtid="{D5CDD505-2E9C-101B-9397-08002B2CF9AE}" pid="4" name="ContentTypeId">
    <vt:lpwstr>0x01010074D6E353CB8C884880DCA1FFB8CDA829</vt:lpwstr>
  </property>
  <property fmtid="{D5CDD505-2E9C-101B-9397-08002B2CF9AE}" pid="5" name="TemplafyTenantId">
    <vt:lpwstr>sdu</vt:lpwstr>
  </property>
  <property fmtid="{D5CDD505-2E9C-101B-9397-08002B2CF9AE}" pid="6" name="TemplafyTemplateId">
    <vt:lpwstr>637910548563422675</vt:lpwstr>
  </property>
  <property fmtid="{D5CDD505-2E9C-101B-9397-08002B2CF9AE}" pid="7" name="TemplafyLanguageCode">
    <vt:lpwstr>da-DK</vt:lpwstr>
  </property>
  <property fmtid="{D5CDD505-2E9C-101B-9397-08002B2CF9AE}" pid="8" name="TemplafyFromBlank">
    <vt:bool>true</vt:bool>
  </property>
</Properties>
</file>